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9D4EAAE" w14:textId="7078C1B0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22.85pt;margin-top:.2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827644113" r:id="rId8"/>
        </w:object>
      </w:r>
      <w:r w:rsidR="00B9453F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4531AD6D">
                <wp:simplePos x="0" y="0"/>
                <wp:positionH relativeFrom="page">
                  <wp:posOffset>1962150</wp:posOffset>
                </wp:positionH>
                <wp:positionV relativeFrom="paragraph">
                  <wp:posOffset>57150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margin-left:154.5pt;margin-top:4.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Aj7BgB3gAAAAk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683BE7C8" w14:textId="33B7B17B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5D37C3F0" w14:textId="1E550403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66BABBE5" w:rsidR="00324EE3" w:rsidRDefault="00B9453F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0B291CB0">
            <wp:simplePos x="0" y="0"/>
            <wp:positionH relativeFrom="leftMargin">
              <wp:posOffset>667385</wp:posOffset>
            </wp:positionH>
            <wp:positionV relativeFrom="paragraph">
              <wp:posOffset>13081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12A3E121">
                <wp:simplePos x="0" y="0"/>
                <wp:positionH relativeFrom="page">
                  <wp:posOffset>2057400</wp:posOffset>
                </wp:positionH>
                <wp:positionV relativeFrom="paragraph">
                  <wp:posOffset>36830</wp:posOffset>
                </wp:positionV>
                <wp:extent cx="3209925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209925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1A461CFB" w:rsidR="00100AC2" w:rsidRDefault="00EB25DE" w:rsidP="00BF77F6">
                            <w:pPr>
                              <w:jc w:val="center"/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</w:p>
                          <w:p w14:paraId="2DC9F30C" w14:textId="2EAF8E18" w:rsidR="00EB25DE" w:rsidRPr="00C263E2" w:rsidRDefault="0004363C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62pt;margin-top:2.9pt;width:252.7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" filled="f" stroked="f">
                <v:textbox>
                  <w:txbxContent>
                    <w:p w14:paraId="009D4E1A" w14:textId="1A461CFB" w:rsidR="00100AC2" w:rsidRDefault="00EB25DE" w:rsidP="00BF77F6">
                      <w:pPr>
                        <w:jc w:val="center"/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</w:p>
                    <w:p w14:paraId="2DC9F30C" w14:textId="2EAF8E18" w:rsidR="00EB25DE" w:rsidRPr="00C263E2" w:rsidRDefault="0004363C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12554AB5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739F1884" w14:textId="495AB47C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380A1F04" w:rsidR="00324EE3" w:rsidRDefault="0004363C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6F14F726">
                <wp:simplePos x="0" y="0"/>
                <wp:positionH relativeFrom="margin">
                  <wp:posOffset>4801870</wp:posOffset>
                </wp:positionH>
                <wp:positionV relativeFrom="paragraph">
                  <wp:posOffset>18415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00071111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B9453F">
                              <w:t xml:space="preserve"> </w:t>
                            </w:r>
                            <w:r w:rsidR="008F6347">
                              <w:t>1733</w:t>
                            </w:r>
                          </w:p>
                          <w:p w14:paraId="3B77EAEF" w14:textId="1D402A12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8F6347">
                              <w:t>19</w:t>
                            </w:r>
                            <w:r w:rsidR="00A70A8F">
                              <w:t>/</w:t>
                            </w:r>
                            <w:r w:rsidR="00BF77F6">
                              <w:t>12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BF77F6">
                              <w:t>5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378.1pt;margin-top:14.5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" filled="f" stroked="f">
                <v:textbox style="mso-fit-shape-to-text:t">
                  <w:txbxContent>
                    <w:p w14:paraId="2930429B" w14:textId="00071111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B9453F">
                        <w:t xml:space="preserve"> </w:t>
                      </w:r>
                      <w:r w:rsidR="008F6347">
                        <w:t>1733</w:t>
                      </w:r>
                    </w:p>
                    <w:p w14:paraId="3B77EAEF" w14:textId="1D402A12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8F6347">
                        <w:t>19</w:t>
                      </w:r>
                      <w:r w:rsidR="00A70A8F">
                        <w:t>/</w:t>
                      </w:r>
                      <w:r w:rsidR="00BF77F6">
                        <w:t>12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BF77F6">
                        <w:t>5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03226CE" w14:textId="78175E97" w:rsidR="00324EE3" w:rsidRDefault="00324EE3" w:rsidP="005333E9">
      <w:pPr>
        <w:rPr>
          <w:rFonts w:ascii="Trebuchet MS" w:hAnsi="Trebuchet MS"/>
          <w:b/>
          <w:sz w:val="24"/>
          <w:szCs w:val="24"/>
          <w:lang w:val="en-US"/>
        </w:rPr>
      </w:pP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5F6EEFCF" w14:textId="1F3D6830" w:rsidR="00B9453F" w:rsidRPr="00B00B7A" w:rsidRDefault="00B9453F" w:rsidP="00B9453F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</w:pP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       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>REZULTATUL</w:t>
      </w:r>
    </w:p>
    <w:p w14:paraId="25F7D507" w14:textId="64531D71" w:rsidR="00B9453F" w:rsidRPr="00B00B7A" w:rsidRDefault="00B9453F" w:rsidP="00B9453F">
      <w:pPr>
        <w:spacing w:after="0" w:line="240" w:lineRule="auto"/>
        <w:ind w:left="708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</w:pP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final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la examenul de promovare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în treapta profesională  imediat superioară celei </w:t>
      </w:r>
      <w:bookmarkStart w:id="0" w:name="_Hlk119311756"/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deținute a personalului încadrat în funcția contractuală de </w:t>
      </w:r>
      <w:r w:rsidR="00BF77F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m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uncitor calificat, treapta</w:t>
      </w:r>
      <w:r w:rsidR="00BF77F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a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II</w:t>
      </w:r>
      <w:r w:rsidR="00BF77F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-a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,</w:t>
      </w:r>
      <w:bookmarkEnd w:id="0"/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organizat de D.J.S.</w:t>
      </w:r>
      <w:r w:rsidR="00F406D3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T.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Dolj în data de </w:t>
      </w:r>
      <w:r w:rsidR="00BF77F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17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.</w:t>
      </w:r>
      <w:r w:rsidR="00BF77F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12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.202</w:t>
      </w:r>
      <w:r w:rsidR="00BF77F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5 (proba scrisă)</w:t>
      </w:r>
    </w:p>
    <w:p w14:paraId="2FB4285D" w14:textId="77777777" w:rsidR="00B9453F" w:rsidRPr="00B00B7A" w:rsidRDefault="00B9453F" w:rsidP="00B9453F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</w:pPr>
    </w:p>
    <w:p w14:paraId="2D7D41D1" w14:textId="77777777" w:rsidR="00B9453F" w:rsidRPr="00B00B7A" w:rsidRDefault="00B9453F" w:rsidP="00B9453F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6"/>
          <w:szCs w:val="26"/>
          <w:lang w:val="it-IT" w:eastAsia="en-CA"/>
        </w:rPr>
      </w:pPr>
    </w:p>
    <w:p w14:paraId="6BB6CBF8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5EBBE792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 </w:t>
      </w:r>
    </w:p>
    <w:tbl>
      <w:tblPr>
        <w:tblW w:w="9526" w:type="dxa"/>
        <w:tblInd w:w="108" w:type="dxa"/>
        <w:tblLayout w:type="fixed"/>
        <w:tblLook w:val="0000" w:firstRow="0" w:lastRow="0" w:firstColumn="0" w:lastColumn="0" w:noHBand="0" w:noVBand="0"/>
      </w:tblPr>
      <w:tblGrid>
        <w:gridCol w:w="596"/>
        <w:gridCol w:w="1915"/>
        <w:gridCol w:w="2511"/>
        <w:gridCol w:w="1953"/>
        <w:gridCol w:w="992"/>
        <w:gridCol w:w="1559"/>
      </w:tblGrid>
      <w:tr w:rsidR="00B9453F" w:rsidRPr="00B00B7A" w14:paraId="2FF03B8F" w14:textId="77777777" w:rsidTr="006657A5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69AFBD41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r. crt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15FC5210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um</w:t>
            </w: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ărul și data  înregistrare dosar de concurs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0BE4F56D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Funcţia publică din care promovează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69A80041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Compartiment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6D1EBD83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Punctaj proba scrisă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4F594D1D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Rezultatul probei scrise</w:t>
            </w:r>
          </w:p>
        </w:tc>
      </w:tr>
      <w:tr w:rsidR="00B9453F" w:rsidRPr="00B00B7A" w14:paraId="3D59E09C" w14:textId="77777777" w:rsidTr="006657A5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2E29B79D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1175D3A3" w14:textId="7066B84F" w:rsidR="00B9453F" w:rsidRPr="00B00B7A" w:rsidRDefault="00BF77F6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606/03.12.2025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7044C045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18910FC7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5FEA45DA" w14:textId="57D9EE36" w:rsidR="00B9453F" w:rsidRPr="00B00B7A" w:rsidRDefault="005A2966" w:rsidP="00BF77F6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75 puncte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986AD90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</w:p>
          <w:p w14:paraId="7EBD4054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104E369A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3C0A9185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 xml:space="preserve">2. 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7C7D74C7" w14:textId="798770E3" w:rsidR="00B9453F" w:rsidRPr="00B00B7A" w:rsidRDefault="00BF77F6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607</w:t>
            </w:r>
            <w:r w:rsidR="00B9453F"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03</w:t>
            </w:r>
            <w:r w:rsidR="00B9453F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.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2</w:t>
            </w:r>
            <w:r w:rsidR="00B9453F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.202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5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73F5F1D9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3D4BFFE7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27A51451" w14:textId="1952EF1B" w:rsidR="00B9453F" w:rsidRPr="00B00B7A" w:rsidRDefault="00B9453F" w:rsidP="006657A5">
            <w:pPr>
              <w:snapToGrid w:val="0"/>
              <w:spacing w:after="0" w:line="240" w:lineRule="auto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 xml:space="preserve"> </w:t>
            </w:r>
            <w:r w:rsidR="005A2966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85 puncte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03092146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</w:tbl>
    <w:p w14:paraId="234C3872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</w:t>
      </w:r>
    </w:p>
    <w:p w14:paraId="3E1E2BE8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  </w:t>
      </w:r>
    </w:p>
    <w:p w14:paraId="2687297E" w14:textId="30604C3C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Afișat astăzi, </w:t>
      </w:r>
      <w:r w:rsidR="008F6347" w:rsidRPr="008F6347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19</w:t>
      </w:r>
      <w:r w:rsidRPr="008F6347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.</w:t>
      </w:r>
      <w:r w:rsidR="00BF77F6" w:rsidRPr="008F6347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12</w:t>
      </w:r>
      <w:r w:rsidRPr="008F6347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.202</w:t>
      </w:r>
      <w:r w:rsidR="00BF77F6" w:rsidRPr="008F6347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5</w:t>
      </w: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, ora 1</w:t>
      </w:r>
      <w:r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2</w:t>
      </w: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,</w:t>
      </w:r>
      <w:r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00</w:t>
      </w: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,</w:t>
      </w:r>
      <w:r w:rsidRPr="00B00B7A">
        <w:rPr>
          <w:rFonts w:ascii="Times New Roman" w:hAnsi="Times New Roman"/>
          <w:sz w:val="24"/>
          <w:szCs w:val="24"/>
        </w:rPr>
        <w:t xml:space="preserve"> </w:t>
      </w:r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la sediul şi pe pagina de internet a Direcţiei Județene </w:t>
      </w:r>
      <w:r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entru</w:t>
      </w:r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Sport </w:t>
      </w:r>
      <w:r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și Tineret </w:t>
      </w:r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Dolj: </w:t>
      </w:r>
      <w:hyperlink r:id="rId10" w:history="1">
        <w:r w:rsidRPr="00B00B7A">
          <w:rPr>
            <w:rFonts w:ascii="Times New Roman" w:hAnsi="Times New Roman"/>
            <w:color w:val="0000FF" w:themeColor="hyperlink"/>
            <w:sz w:val="24"/>
            <w:szCs w:val="24"/>
            <w:u w:val="single"/>
          </w:rPr>
          <w:t>www.sportdolj.ro</w:t>
        </w:r>
      </w:hyperlink>
      <w:r w:rsidRPr="00B00B7A">
        <w:rPr>
          <w:rFonts w:ascii="Times New Roman" w:hAnsi="Times New Roman"/>
          <w:sz w:val="24"/>
          <w:szCs w:val="24"/>
        </w:rPr>
        <w:t xml:space="preserve">. </w:t>
      </w:r>
    </w:p>
    <w:p w14:paraId="2A4F81D2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</w:p>
    <w:p w14:paraId="47340DDC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sz w:val="24"/>
          <w:szCs w:val="24"/>
        </w:rPr>
      </w:pPr>
    </w:p>
    <w:p w14:paraId="33049015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51184354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2ADBD538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B00B7A">
        <w:rPr>
          <w:rFonts w:ascii="Times New Roman" w:hAnsi="Times New Roman"/>
          <w:sz w:val="24"/>
          <w:szCs w:val="24"/>
        </w:rPr>
        <w:t xml:space="preserve">Secretar comisie examen : </w:t>
      </w:r>
    </w:p>
    <w:p w14:paraId="4E8F87CE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hAnsi="Times New Roman"/>
          <w:sz w:val="24"/>
          <w:szCs w:val="24"/>
        </w:rPr>
        <w:t>Ștefănescu Roxana – consilier superior</w:t>
      </w:r>
    </w:p>
    <w:p w14:paraId="7359C818" w14:textId="77777777" w:rsidR="00B9453F" w:rsidRPr="00B00B7A" w:rsidRDefault="00B9453F" w:rsidP="00B9453F">
      <w:pPr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2BBD092" w14:textId="3A3D4423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5B6BB70C" w14:textId="4E5A3A60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767E47BE" w14:textId="6593402D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CC15283" w14:textId="2F8757B6" w:rsidR="000F373D" w:rsidRPr="000F373D" w:rsidRDefault="000F373D" w:rsidP="000F373D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tab/>
      </w:r>
    </w:p>
    <w:sectPr w:rsidR="000F373D" w:rsidRPr="000F373D" w:rsidSect="00043D8D">
      <w:footerReference w:type="default" r:id="rId11"/>
      <w:pgSz w:w="11907" w:h="16840" w:code="9"/>
      <w:pgMar w:top="709" w:right="927" w:bottom="10" w:left="1418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409CD69E" w14:textId="77777777" w:rsidR="000012AE" w:rsidRDefault="000012AE" w:rsidP="00EB25DE">
      <w:pPr>
        <w:spacing w:after="0" w:line="240" w:lineRule="auto"/>
      </w:pPr>
      <w:r>
        <w:separator/>
      </w:r>
    </w:p>
  </w:endnote>
  <w:endnote w:type="continuationSeparator" w:id="0">
    <w:p w14:paraId="11731340" w14:textId="77777777" w:rsidR="000012AE" w:rsidRDefault="000012AE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289545A" w14:textId="77777777" w:rsidR="000012AE" w:rsidRDefault="000012AE" w:rsidP="00EB25DE">
      <w:pPr>
        <w:spacing w:after="0" w:line="240" w:lineRule="auto"/>
      </w:pPr>
      <w:r>
        <w:separator/>
      </w:r>
    </w:p>
  </w:footnote>
  <w:footnote w:type="continuationSeparator" w:id="0">
    <w:p w14:paraId="3A1C8221" w14:textId="77777777" w:rsidR="000012AE" w:rsidRDefault="000012AE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1"/>
  </w:num>
  <w:num w:numId="2" w16cid:durableId="17358168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012AE"/>
    <w:rsid w:val="0001297D"/>
    <w:rsid w:val="00041339"/>
    <w:rsid w:val="0004363C"/>
    <w:rsid w:val="00043D8D"/>
    <w:rsid w:val="00056851"/>
    <w:rsid w:val="00061DB5"/>
    <w:rsid w:val="00067A31"/>
    <w:rsid w:val="00094AF6"/>
    <w:rsid w:val="000D5159"/>
    <w:rsid w:val="000F1194"/>
    <w:rsid w:val="000F1E90"/>
    <w:rsid w:val="000F3365"/>
    <w:rsid w:val="000F373D"/>
    <w:rsid w:val="00100AC2"/>
    <w:rsid w:val="00162B67"/>
    <w:rsid w:val="0018202D"/>
    <w:rsid w:val="001C7177"/>
    <w:rsid w:val="001D5897"/>
    <w:rsid w:val="00223DE1"/>
    <w:rsid w:val="00234812"/>
    <w:rsid w:val="00264781"/>
    <w:rsid w:val="00272805"/>
    <w:rsid w:val="00276C32"/>
    <w:rsid w:val="00284850"/>
    <w:rsid w:val="002B32CE"/>
    <w:rsid w:val="002E43FC"/>
    <w:rsid w:val="002E5982"/>
    <w:rsid w:val="00302D4F"/>
    <w:rsid w:val="003148B6"/>
    <w:rsid w:val="00324EE3"/>
    <w:rsid w:val="00344668"/>
    <w:rsid w:val="003E5ED1"/>
    <w:rsid w:val="003F1BA0"/>
    <w:rsid w:val="003F1E3C"/>
    <w:rsid w:val="00496DA4"/>
    <w:rsid w:val="004B4F9B"/>
    <w:rsid w:val="004C0B5C"/>
    <w:rsid w:val="005333E9"/>
    <w:rsid w:val="00577A25"/>
    <w:rsid w:val="00580A0A"/>
    <w:rsid w:val="005A2966"/>
    <w:rsid w:val="00607E73"/>
    <w:rsid w:val="0062286F"/>
    <w:rsid w:val="00636733"/>
    <w:rsid w:val="00654911"/>
    <w:rsid w:val="00663019"/>
    <w:rsid w:val="00675FE3"/>
    <w:rsid w:val="00680084"/>
    <w:rsid w:val="006D1F9B"/>
    <w:rsid w:val="006E59A7"/>
    <w:rsid w:val="00715090"/>
    <w:rsid w:val="0074691F"/>
    <w:rsid w:val="007637FA"/>
    <w:rsid w:val="00765F5C"/>
    <w:rsid w:val="00806476"/>
    <w:rsid w:val="00824CCA"/>
    <w:rsid w:val="00846539"/>
    <w:rsid w:val="0085027B"/>
    <w:rsid w:val="00876B75"/>
    <w:rsid w:val="00876C3D"/>
    <w:rsid w:val="008D4242"/>
    <w:rsid w:val="008E1050"/>
    <w:rsid w:val="008F6347"/>
    <w:rsid w:val="00903643"/>
    <w:rsid w:val="0092276A"/>
    <w:rsid w:val="00922DD2"/>
    <w:rsid w:val="00941F75"/>
    <w:rsid w:val="00977A23"/>
    <w:rsid w:val="009A7716"/>
    <w:rsid w:val="009C3B0E"/>
    <w:rsid w:val="009C5794"/>
    <w:rsid w:val="009E2A1B"/>
    <w:rsid w:val="009F7423"/>
    <w:rsid w:val="00A05D15"/>
    <w:rsid w:val="00A3103D"/>
    <w:rsid w:val="00A70A8F"/>
    <w:rsid w:val="00A96A03"/>
    <w:rsid w:val="00AA3EEE"/>
    <w:rsid w:val="00AB1440"/>
    <w:rsid w:val="00B01774"/>
    <w:rsid w:val="00B21D7A"/>
    <w:rsid w:val="00B9453F"/>
    <w:rsid w:val="00BA15C3"/>
    <w:rsid w:val="00BA695C"/>
    <w:rsid w:val="00BB1912"/>
    <w:rsid w:val="00BD5C0E"/>
    <w:rsid w:val="00BD7136"/>
    <w:rsid w:val="00BE2430"/>
    <w:rsid w:val="00BF77F6"/>
    <w:rsid w:val="00C1268C"/>
    <w:rsid w:val="00C2039F"/>
    <w:rsid w:val="00C90C9F"/>
    <w:rsid w:val="00CD4051"/>
    <w:rsid w:val="00D571DD"/>
    <w:rsid w:val="00D94712"/>
    <w:rsid w:val="00DC7F02"/>
    <w:rsid w:val="00DF22F9"/>
    <w:rsid w:val="00DF318E"/>
    <w:rsid w:val="00E021C4"/>
    <w:rsid w:val="00EB25DE"/>
    <w:rsid w:val="00EF64A5"/>
    <w:rsid w:val="00F22DEF"/>
    <w:rsid w:val="00F406D3"/>
    <w:rsid w:val="00F52290"/>
    <w:rsid w:val="00F53673"/>
    <w:rsid w:val="00F758D4"/>
    <w:rsid w:val="00F8082C"/>
    <w:rsid w:val="00F86190"/>
    <w:rsid w:val="00F8777B"/>
    <w:rsid w:val="00FB51CA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1</Pages>
  <Words>141</Words>
  <Characters>807</Characters>
  <Application>Microsoft Office Word</Application>
  <DocSecurity>0</DocSecurity>
  <Lines>6</Lines>
  <Paragraphs>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lu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9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5-12-19T07:59:00Z</cp:lastPrinted>
  <dcterms:created xsi:type="dcterms:W3CDTF">2025-12-19T08:09:00Z</dcterms:created>
  <dcterms:modified xsi:type="dcterms:W3CDTF">2025-12-19T08:09:00Z</dcterms:modified>
</cp:coreProperties>
</file>